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5" r:id="rId5"/>
    <p:sldId id="271" r:id="rId6"/>
    <p:sldId id="283" r:id="rId7"/>
    <p:sldId id="284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F7DA3D4-10AC-437C-80D2-90F7E34D8322}" v="1" dt="2026-05-27T12:02:35.68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59" d="100"/>
          <a:sy n="159" d="100"/>
        </p:scale>
        <p:origin x="384" y="13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modSld">
      <pc:chgData name="Ramya Sreenivasan" userId="a475b1e1-b8a4-4bc9-945d-c16507be1bdc" providerId="ADAL" clId="{E3368EF7-2FD6-4BBE-B666-DF4276FE1F16}" dt="2026-05-27T12:02:40.278" v="4"/>
      <pc:docMkLst>
        <pc:docMk/>
      </pc:docMkLst>
      <pc:sldChg chg="modSp mod">
        <pc:chgData name="Ramya Sreenivasan" userId="a475b1e1-b8a4-4bc9-945d-c16507be1bdc" providerId="ADAL" clId="{E3368EF7-2FD6-4BBE-B666-DF4276FE1F16}" dt="2026-05-27T11:56:10.419" v="1" actId="20577"/>
        <pc:sldMkLst>
          <pc:docMk/>
          <pc:sldMk cId="3035780936" sldId="271"/>
        </pc:sldMkLst>
        <pc:spChg chg="mod">
          <ac:chgData name="Ramya Sreenivasan" userId="a475b1e1-b8a4-4bc9-945d-c16507be1bdc" providerId="ADAL" clId="{E3368EF7-2FD6-4BBE-B666-DF4276FE1F16}" dt="2026-05-27T11:56:10.419" v="1" actId="20577"/>
          <ac:spMkLst>
            <pc:docMk/>
            <pc:sldMk cId="3035780936" sldId="271"/>
            <ac:spMk id="5" creationId="{8C2F15C8-4893-5703-E7FC-E8C0F7FE8EDB}"/>
          </ac:spMkLst>
        </pc:spChg>
      </pc:sldChg>
      <pc:sldChg chg="modSp mod">
        <pc:chgData name="Ramya Sreenivasan" userId="a475b1e1-b8a4-4bc9-945d-c16507be1bdc" providerId="ADAL" clId="{E3368EF7-2FD6-4BBE-B666-DF4276FE1F16}" dt="2026-05-27T12:02:40.278" v="4"/>
        <pc:sldMkLst>
          <pc:docMk/>
          <pc:sldMk cId="156308008" sldId="284"/>
        </pc:sldMkLst>
        <pc:picChg chg="mod">
          <ac:chgData name="Ramya Sreenivasan" userId="a475b1e1-b8a4-4bc9-945d-c16507be1bdc" providerId="ADAL" clId="{E3368EF7-2FD6-4BBE-B666-DF4276FE1F16}" dt="2026-05-27T12:02:40.278" v="4"/>
          <ac:picMkLst>
            <pc:docMk/>
            <pc:sldMk cId="156308008" sldId="284"/>
            <ac:picMk id="12" creationId="{29CEA9E1-1861-6E0E-95C3-8F1FA076C3FA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7/05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27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544861-AC2D-063F-45E0-85E3747DAB84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fs--wps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4" b="114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217865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FS/WP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FS&amp;WP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DD18609-7ECB-6C6F-98EC-9629CAF1A1E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92"/>
          <a:stretch>
            <a:fillRect/>
          </a:stretch>
        </p:blipFill>
        <p:spPr>
          <a:xfrm>
            <a:off x="3517135" y="3717185"/>
            <a:ext cx="4923054" cy="2775689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3303AF2B-FE19-9E54-C52D-1A9D0648D068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977829" y="4186591"/>
            <a:ext cx="582267" cy="1087771"/>
            <a:chOff x="7847403" y="765422"/>
            <a:chExt cx="991737" cy="1979947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0646FF60-E177-64EA-16A6-C9BBDFE99BF4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flipH="1">
              <a:off x="7848540" y="175834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B4E10ADC-0CE9-5F75-9776-6AF876309D45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>
              <a:off x="7847403" y="765422"/>
              <a:ext cx="991737" cy="992927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74478C6A-F47E-2CFF-20A6-C19B931F1800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rot="16200000">
              <a:off x="8226253" y="1301379"/>
              <a:ext cx="230410" cy="460406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ackground Image">
            <a:extLst>
              <a:ext uri="{FF2B5EF4-FFF2-40B4-BE49-F238E27FC236}">
                <a16:creationId xmlns:a16="http://schemas.microsoft.com/office/drawing/2014/main" id="{2927E01C-FF64-5A5C-A84F-9804CFA5489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2" b="10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ectangle">
            <a:extLst>
              <a:ext uri="{FF2B5EF4-FFF2-40B4-BE49-F238E27FC236}">
                <a16:creationId xmlns:a16="http://schemas.microsoft.com/office/drawing/2014/main" id="{079F64D7-340F-EA37-4C64-D143E709C81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Text">
            <a:extLst>
              <a:ext uri="{FF2B5EF4-FFF2-40B4-BE49-F238E27FC236}">
                <a16:creationId xmlns:a16="http://schemas.microsoft.com/office/drawing/2014/main" id="{3A105775-6AA6-1786-2231-20569B1F555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2" name="Picture Placeholder">
            <a:extLst>
              <a:ext uri="{FF2B5EF4-FFF2-40B4-BE49-F238E27FC236}">
                <a16:creationId xmlns:a16="http://schemas.microsoft.com/office/drawing/2014/main" id="{A06C65EB-7429-9450-173F-C3836F1C0A1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7385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29CEA9E1-1861-6E0E-95C3-8F1FA076C3F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" r="6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630800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176B743F351C74AB825DAE7E0479947" ma:contentTypeVersion="9" ma:contentTypeDescription="Create a new document." ma:contentTypeScope="" ma:versionID="4e7f4cc1ea5b38967446c05ddce6a68a">
  <xsd:schema xmlns:xsd="http://www.w3.org/2001/XMLSchema" xmlns:xs="http://www.w3.org/2001/XMLSchema" xmlns:p="http://schemas.microsoft.com/office/2006/metadata/properties" xmlns:ns2="56dcfe90-8a20-4f5e-89d4-8d4d0a76620d" xmlns:ns3="698b395e-a054-466c-87d8-213ba31286e5" targetNamespace="http://schemas.microsoft.com/office/2006/metadata/properties" ma:root="true" ma:fieldsID="1f0344b88b99131685c729bfc464a998" ns2:_="" ns3:_="">
    <xsd:import namespace="56dcfe90-8a20-4f5e-89d4-8d4d0a76620d"/>
    <xsd:import namespace="698b395e-a054-466c-87d8-213ba31286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6dcfe90-8a20-4f5e-89d4-8d4d0a7662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98b395e-a054-466c-87d8-213ba31286e5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7113fe1a-0778-4bc7-957c-eca8b10ff82f}" ma:internalName="TaxCatchAll" ma:showField="CatchAllData" ma:web="698b395e-a054-466c-87d8-213ba31286e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98b395e-a054-466c-87d8-213ba31286e5" xsi:nil="true"/>
    <lcf76f155ced4ddcb4097134ff3c332f xmlns="56dcfe90-8a20-4f5e-89d4-8d4d0a76620d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C278724F-097D-4DC8-B3D1-C1DAAD75313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6dcfe90-8a20-4f5e-89d4-8d4d0a76620d"/>
    <ds:schemaRef ds:uri="698b395e-a054-466c-87d8-213ba31286e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698b395e-a054-466c-87d8-213ba31286e5"/>
    <ds:schemaRef ds:uri="http://purl.org/dc/terms/"/>
    <ds:schemaRef ds:uri="56dcfe90-8a20-4f5e-89d4-8d4d0a76620d"/>
    <ds:schemaRef ds:uri="http://schemas.microsoft.com/office/2006/documentManagement/types"/>
    <ds:schemaRef ds:uri="http://schemas.microsoft.com/office/infopath/2007/PartnerControls"/>
    <ds:schemaRef ds:uri="http://purl.org/dc/dcmitype/"/>
    <ds:schemaRef ds:uri="http://www.w3.org/XML/1998/namespace"/>
    <ds:schemaRef ds:uri="http://purl.org/dc/elements/1.1/"/>
    <ds:schemaRef ds:uri="http://schemas.openxmlformats.org/package/2006/metadata/core-properties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5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ptos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Ramya Sreenivasan</cp:lastModifiedBy>
  <cp:revision>3</cp:revision>
  <dcterms:created xsi:type="dcterms:W3CDTF">2023-06-13T12:34:15Z</dcterms:created>
  <dcterms:modified xsi:type="dcterms:W3CDTF">2026-05-27T12:02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176B743F351C74AB825DAE7E0479947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